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7\HP\"/>
    </mc:Choice>
  </mc:AlternateContent>
  <xr:revisionPtr revIDLastSave="0" documentId="8_{E9EE5309-73F0-4456-BA05-A01AEC23748C}" xr6:coauthVersionLast="47" xr6:coauthVersionMax="47" xr10:uidLastSave="{00000000-0000-0000-0000-000000000000}"/>
  <bookViews>
    <workbookView xWindow="-120" yWindow="-120" windowWidth="29040" windowHeight="15720" xr2:uid="{A698FBB1-C97C-441A-9D69-F2D4EF6BCC51}"/>
  </bookViews>
  <sheets>
    <sheet name="３．（１）富山地域人口グラフ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2"/>
      <color theme="1"/>
      <name val="BIZ UD明朝 Medium"/>
      <family val="2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horzOverflow="overflow" anchor="ctr" anchorCtr="1"/>
          <a:lstStyle/>
          <a:p>
            <a:pPr algn="ctr" rtl="0">
              <a:defRPr sz="1320">
                <a:solidFill>
                  <a:srgbClr val="000000"/>
                </a:solidFill>
              </a:defRPr>
            </a:pPr>
            <a:r>
              <a:rPr lang="ja-JP" altLang="en-US" sz="1320" b="0" i="0" u="none" strike="noStrike" baseline="0">
                <a:solidFill>
                  <a:srgbClr val="000000"/>
                </a:solidFill>
                <a:latin typeface="BIZ UDゴシック"/>
                <a:ea typeface="BIZ UDゴシック"/>
                <a:cs typeface="ＭＳ Ｐゴシック"/>
              </a:rPr>
              <a:t>富山地域地区別人口推移（住民基本台帳、各年９月末）</a:t>
            </a:r>
          </a:p>
        </c:rich>
      </c:tx>
      <c:layout>
        <c:manualLayout>
          <c:xMode val="edge"/>
          <c:yMode val="edge"/>
          <c:x val="0.34933607489347235"/>
          <c:y val="1.6339672925499697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0010214504596528"/>
          <c:y val="0.1437908496732026"/>
          <c:w val="0.898876404494382"/>
          <c:h val="0.71241830065359479"/>
        </c:manualLayout>
      </c:layout>
      <c:barChart>
        <c:barDir val="col"/>
        <c:grouping val="clustered"/>
        <c:varyColors val="0"/>
        <c:ser>
          <c:idx val="5"/>
          <c:order val="0"/>
          <c:tx>
            <c:strRef>
              <c:f>'[1]地区別人口・世帯集計表 (集計用)'!$E$2</c:f>
              <c:strCache>
                <c:ptCount val="1"/>
                <c:pt idx="0">
                  <c:v>R06人口</c:v>
                </c:pt>
              </c:strCache>
            </c:strRef>
          </c:tx>
          <c:spPr>
            <a:solidFill>
              <a:srgbClr val="FF9900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3:$A$52</c:f>
              <c:strCache>
                <c:ptCount val="50"/>
                <c:pt idx="0">
                  <c:v>総曲輪</c:v>
                </c:pt>
                <c:pt idx="1">
                  <c:v>愛宕</c:v>
                </c:pt>
                <c:pt idx="2">
                  <c:v>安野屋</c:v>
                </c:pt>
                <c:pt idx="3">
                  <c:v>八人町</c:v>
                </c:pt>
                <c:pt idx="4">
                  <c:v>五番町</c:v>
                </c:pt>
                <c:pt idx="5">
                  <c:v>柳町</c:v>
                </c:pt>
                <c:pt idx="6">
                  <c:v>清水町</c:v>
                </c:pt>
                <c:pt idx="7">
                  <c:v>星井町</c:v>
                </c:pt>
                <c:pt idx="8">
                  <c:v>西田地方</c:v>
                </c:pt>
                <c:pt idx="9">
                  <c:v>堀川</c:v>
                </c:pt>
                <c:pt idx="10">
                  <c:v>堀川南</c:v>
                </c:pt>
                <c:pt idx="11">
                  <c:v>東部</c:v>
                </c:pt>
                <c:pt idx="12">
                  <c:v>奥田</c:v>
                </c:pt>
                <c:pt idx="13">
                  <c:v>奥田北</c:v>
                </c:pt>
                <c:pt idx="14">
                  <c:v>桜谷</c:v>
                </c:pt>
                <c:pt idx="15">
                  <c:v>五福</c:v>
                </c:pt>
                <c:pt idx="16">
                  <c:v>神明</c:v>
                </c:pt>
                <c:pt idx="17">
                  <c:v>岩瀬</c:v>
                </c:pt>
                <c:pt idx="18">
                  <c:v>萩浦</c:v>
                </c:pt>
                <c:pt idx="19">
                  <c:v>大広田</c:v>
                </c:pt>
                <c:pt idx="20">
                  <c:v>浜黒崎</c:v>
                </c:pt>
                <c:pt idx="21">
                  <c:v>針原</c:v>
                </c:pt>
                <c:pt idx="22">
                  <c:v>豊田</c:v>
                </c:pt>
                <c:pt idx="23">
                  <c:v>広田</c:v>
                </c:pt>
                <c:pt idx="24">
                  <c:v>新庄</c:v>
                </c:pt>
                <c:pt idx="25">
                  <c:v>藤ノ木</c:v>
                </c:pt>
                <c:pt idx="26">
                  <c:v>山室</c:v>
                </c:pt>
                <c:pt idx="27">
                  <c:v>山室中部</c:v>
                </c:pt>
                <c:pt idx="28">
                  <c:v>太田</c:v>
                </c:pt>
                <c:pt idx="29">
                  <c:v>蜷川</c:v>
                </c:pt>
                <c:pt idx="30">
                  <c:v>新保</c:v>
                </c:pt>
                <c:pt idx="31">
                  <c:v>熊野</c:v>
                </c:pt>
                <c:pt idx="32">
                  <c:v>月岡</c:v>
                </c:pt>
                <c:pt idx="33">
                  <c:v>四方</c:v>
                </c:pt>
                <c:pt idx="34">
                  <c:v>八幡</c:v>
                </c:pt>
                <c:pt idx="35">
                  <c:v>草島</c:v>
                </c:pt>
                <c:pt idx="36">
                  <c:v>倉垣</c:v>
                </c:pt>
                <c:pt idx="37">
                  <c:v>呉羽</c:v>
                </c:pt>
                <c:pt idx="38">
                  <c:v>長岡</c:v>
                </c:pt>
                <c:pt idx="39">
                  <c:v>寒江</c:v>
                </c:pt>
                <c:pt idx="40">
                  <c:v>古沢</c:v>
                </c:pt>
                <c:pt idx="41">
                  <c:v>老田</c:v>
                </c:pt>
                <c:pt idx="42">
                  <c:v>池多</c:v>
                </c:pt>
                <c:pt idx="43">
                  <c:v>水橋中部</c:v>
                </c:pt>
                <c:pt idx="44">
                  <c:v>水橋西部</c:v>
                </c:pt>
                <c:pt idx="45">
                  <c:v>水橋東部</c:v>
                </c:pt>
                <c:pt idx="46">
                  <c:v>三郷</c:v>
                </c:pt>
                <c:pt idx="47">
                  <c:v>上条</c:v>
                </c:pt>
                <c:pt idx="48">
                  <c:v>光陽</c:v>
                </c:pt>
                <c:pt idx="49">
                  <c:v>新庄北</c:v>
                </c:pt>
              </c:strCache>
            </c:strRef>
          </c:cat>
          <c:val>
            <c:numRef>
              <c:f>'[1]地区別人口・世帯集計表 (集計用)'!$E$3:$E$52</c:f>
              <c:numCache>
                <c:formatCode>#,##0_);[Red]\(#,##0\)</c:formatCode>
                <c:ptCount val="50"/>
                <c:pt idx="0">
                  <c:v>2236</c:v>
                </c:pt>
                <c:pt idx="1">
                  <c:v>4716</c:v>
                </c:pt>
                <c:pt idx="2">
                  <c:v>2707</c:v>
                </c:pt>
                <c:pt idx="3">
                  <c:v>1756</c:v>
                </c:pt>
                <c:pt idx="4">
                  <c:v>3471</c:v>
                </c:pt>
                <c:pt idx="5">
                  <c:v>5787</c:v>
                </c:pt>
                <c:pt idx="6">
                  <c:v>3947</c:v>
                </c:pt>
                <c:pt idx="7">
                  <c:v>2554</c:v>
                </c:pt>
                <c:pt idx="8">
                  <c:v>6445</c:v>
                </c:pt>
                <c:pt idx="9">
                  <c:v>11708</c:v>
                </c:pt>
                <c:pt idx="10">
                  <c:v>15225</c:v>
                </c:pt>
                <c:pt idx="11">
                  <c:v>7887</c:v>
                </c:pt>
                <c:pt idx="12">
                  <c:v>10369</c:v>
                </c:pt>
                <c:pt idx="13">
                  <c:v>8015</c:v>
                </c:pt>
                <c:pt idx="14">
                  <c:v>5643</c:v>
                </c:pt>
                <c:pt idx="15">
                  <c:v>10127</c:v>
                </c:pt>
                <c:pt idx="16">
                  <c:v>4014</c:v>
                </c:pt>
                <c:pt idx="17">
                  <c:v>3032</c:v>
                </c:pt>
                <c:pt idx="18">
                  <c:v>5745</c:v>
                </c:pt>
                <c:pt idx="19">
                  <c:v>7494</c:v>
                </c:pt>
                <c:pt idx="20">
                  <c:v>2336</c:v>
                </c:pt>
                <c:pt idx="21">
                  <c:v>3937</c:v>
                </c:pt>
                <c:pt idx="22">
                  <c:v>15264</c:v>
                </c:pt>
                <c:pt idx="23">
                  <c:v>9730</c:v>
                </c:pt>
                <c:pt idx="24">
                  <c:v>12587</c:v>
                </c:pt>
                <c:pt idx="25">
                  <c:v>16512</c:v>
                </c:pt>
                <c:pt idx="26">
                  <c:v>11466</c:v>
                </c:pt>
                <c:pt idx="27">
                  <c:v>11275</c:v>
                </c:pt>
                <c:pt idx="28">
                  <c:v>5562</c:v>
                </c:pt>
                <c:pt idx="29">
                  <c:v>13478</c:v>
                </c:pt>
                <c:pt idx="30">
                  <c:v>5574</c:v>
                </c:pt>
                <c:pt idx="31">
                  <c:v>6848</c:v>
                </c:pt>
                <c:pt idx="32">
                  <c:v>6050</c:v>
                </c:pt>
                <c:pt idx="33">
                  <c:v>3218</c:v>
                </c:pt>
                <c:pt idx="34">
                  <c:v>2207</c:v>
                </c:pt>
                <c:pt idx="35">
                  <c:v>2764</c:v>
                </c:pt>
                <c:pt idx="36">
                  <c:v>2958</c:v>
                </c:pt>
                <c:pt idx="37">
                  <c:v>12159</c:v>
                </c:pt>
                <c:pt idx="38">
                  <c:v>3962</c:v>
                </c:pt>
                <c:pt idx="39">
                  <c:v>1601</c:v>
                </c:pt>
                <c:pt idx="40">
                  <c:v>1683</c:v>
                </c:pt>
                <c:pt idx="41">
                  <c:v>3262</c:v>
                </c:pt>
                <c:pt idx="42">
                  <c:v>964</c:v>
                </c:pt>
                <c:pt idx="43">
                  <c:v>3203</c:v>
                </c:pt>
                <c:pt idx="44">
                  <c:v>3828</c:v>
                </c:pt>
                <c:pt idx="45">
                  <c:v>1760</c:v>
                </c:pt>
                <c:pt idx="46">
                  <c:v>3727</c:v>
                </c:pt>
                <c:pt idx="47">
                  <c:v>1586</c:v>
                </c:pt>
                <c:pt idx="48">
                  <c:v>8771</c:v>
                </c:pt>
                <c:pt idx="49">
                  <c:v>1263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292-4BBD-9B5F-6C76EF7785B0}"/>
            </c:ext>
          </c:extLst>
        </c:ser>
        <c:ser>
          <c:idx val="1"/>
          <c:order val="1"/>
          <c:tx>
            <c:strRef>
              <c:f>'[1]地区別人口・世帯集計表 (集計用)'!$C$2</c:f>
              <c:strCache>
                <c:ptCount val="1"/>
                <c:pt idx="0">
                  <c:v>R07人口</c:v>
                </c:pt>
              </c:strCache>
            </c:strRef>
          </c:tx>
          <c:spPr>
            <a:solidFill>
              <a:srgbClr val="0000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3:$A$52</c:f>
              <c:strCache>
                <c:ptCount val="50"/>
                <c:pt idx="0">
                  <c:v>総曲輪</c:v>
                </c:pt>
                <c:pt idx="1">
                  <c:v>愛宕</c:v>
                </c:pt>
                <c:pt idx="2">
                  <c:v>安野屋</c:v>
                </c:pt>
                <c:pt idx="3">
                  <c:v>八人町</c:v>
                </c:pt>
                <c:pt idx="4">
                  <c:v>五番町</c:v>
                </c:pt>
                <c:pt idx="5">
                  <c:v>柳町</c:v>
                </c:pt>
                <c:pt idx="6">
                  <c:v>清水町</c:v>
                </c:pt>
                <c:pt idx="7">
                  <c:v>星井町</c:v>
                </c:pt>
                <c:pt idx="8">
                  <c:v>西田地方</c:v>
                </c:pt>
                <c:pt idx="9">
                  <c:v>堀川</c:v>
                </c:pt>
                <c:pt idx="10">
                  <c:v>堀川南</c:v>
                </c:pt>
                <c:pt idx="11">
                  <c:v>東部</c:v>
                </c:pt>
                <c:pt idx="12">
                  <c:v>奥田</c:v>
                </c:pt>
                <c:pt idx="13">
                  <c:v>奥田北</c:v>
                </c:pt>
                <c:pt idx="14">
                  <c:v>桜谷</c:v>
                </c:pt>
                <c:pt idx="15">
                  <c:v>五福</c:v>
                </c:pt>
                <c:pt idx="16">
                  <c:v>神明</c:v>
                </c:pt>
                <c:pt idx="17">
                  <c:v>岩瀬</c:v>
                </c:pt>
                <c:pt idx="18">
                  <c:v>萩浦</c:v>
                </c:pt>
                <c:pt idx="19">
                  <c:v>大広田</c:v>
                </c:pt>
                <c:pt idx="20">
                  <c:v>浜黒崎</c:v>
                </c:pt>
                <c:pt idx="21">
                  <c:v>針原</c:v>
                </c:pt>
                <c:pt idx="22">
                  <c:v>豊田</c:v>
                </c:pt>
                <c:pt idx="23">
                  <c:v>広田</c:v>
                </c:pt>
                <c:pt idx="24">
                  <c:v>新庄</c:v>
                </c:pt>
                <c:pt idx="25">
                  <c:v>藤ノ木</c:v>
                </c:pt>
                <c:pt idx="26">
                  <c:v>山室</c:v>
                </c:pt>
                <c:pt idx="27">
                  <c:v>山室中部</c:v>
                </c:pt>
                <c:pt idx="28">
                  <c:v>太田</c:v>
                </c:pt>
                <c:pt idx="29">
                  <c:v>蜷川</c:v>
                </c:pt>
                <c:pt idx="30">
                  <c:v>新保</c:v>
                </c:pt>
                <c:pt idx="31">
                  <c:v>熊野</c:v>
                </c:pt>
                <c:pt idx="32">
                  <c:v>月岡</c:v>
                </c:pt>
                <c:pt idx="33">
                  <c:v>四方</c:v>
                </c:pt>
                <c:pt idx="34">
                  <c:v>八幡</c:v>
                </c:pt>
                <c:pt idx="35">
                  <c:v>草島</c:v>
                </c:pt>
                <c:pt idx="36">
                  <c:v>倉垣</c:v>
                </c:pt>
                <c:pt idx="37">
                  <c:v>呉羽</c:v>
                </c:pt>
                <c:pt idx="38">
                  <c:v>長岡</c:v>
                </c:pt>
                <c:pt idx="39">
                  <c:v>寒江</c:v>
                </c:pt>
                <c:pt idx="40">
                  <c:v>古沢</c:v>
                </c:pt>
                <c:pt idx="41">
                  <c:v>老田</c:v>
                </c:pt>
                <c:pt idx="42">
                  <c:v>池多</c:v>
                </c:pt>
                <c:pt idx="43">
                  <c:v>水橋中部</c:v>
                </c:pt>
                <c:pt idx="44">
                  <c:v>水橋西部</c:v>
                </c:pt>
                <c:pt idx="45">
                  <c:v>水橋東部</c:v>
                </c:pt>
                <c:pt idx="46">
                  <c:v>三郷</c:v>
                </c:pt>
                <c:pt idx="47">
                  <c:v>上条</c:v>
                </c:pt>
                <c:pt idx="48">
                  <c:v>光陽</c:v>
                </c:pt>
                <c:pt idx="49">
                  <c:v>新庄北</c:v>
                </c:pt>
              </c:strCache>
            </c:strRef>
          </c:cat>
          <c:val>
            <c:numRef>
              <c:f>'[1]地区別人口・世帯集計表 (集計用)'!$C$3:$C$52</c:f>
              <c:numCache>
                <c:formatCode>#,##0_);[Red]\(#,##0\)</c:formatCode>
                <c:ptCount val="50"/>
                <c:pt idx="0">
                  <c:v>2266</c:v>
                </c:pt>
                <c:pt idx="1">
                  <c:v>4886</c:v>
                </c:pt>
                <c:pt idx="2">
                  <c:v>2857</c:v>
                </c:pt>
                <c:pt idx="3">
                  <c:v>1727</c:v>
                </c:pt>
                <c:pt idx="4">
                  <c:v>3433</c:v>
                </c:pt>
                <c:pt idx="5">
                  <c:v>5728</c:v>
                </c:pt>
                <c:pt idx="6">
                  <c:v>3944</c:v>
                </c:pt>
                <c:pt idx="7">
                  <c:v>2545</c:v>
                </c:pt>
                <c:pt idx="8">
                  <c:v>6343</c:v>
                </c:pt>
                <c:pt idx="9">
                  <c:v>11730</c:v>
                </c:pt>
                <c:pt idx="10">
                  <c:v>15163</c:v>
                </c:pt>
                <c:pt idx="11">
                  <c:v>7774</c:v>
                </c:pt>
                <c:pt idx="12">
                  <c:v>10311</c:v>
                </c:pt>
                <c:pt idx="13">
                  <c:v>7984</c:v>
                </c:pt>
                <c:pt idx="14">
                  <c:v>5551</c:v>
                </c:pt>
                <c:pt idx="15">
                  <c:v>10135</c:v>
                </c:pt>
                <c:pt idx="16">
                  <c:v>3953</c:v>
                </c:pt>
                <c:pt idx="17">
                  <c:v>2950</c:v>
                </c:pt>
                <c:pt idx="18">
                  <c:v>5682</c:v>
                </c:pt>
                <c:pt idx="19">
                  <c:v>7432</c:v>
                </c:pt>
                <c:pt idx="20">
                  <c:v>2301</c:v>
                </c:pt>
                <c:pt idx="21">
                  <c:v>3898</c:v>
                </c:pt>
                <c:pt idx="22">
                  <c:v>15183</c:v>
                </c:pt>
                <c:pt idx="23">
                  <c:v>9858</c:v>
                </c:pt>
                <c:pt idx="24">
                  <c:v>12639</c:v>
                </c:pt>
                <c:pt idx="25">
                  <c:v>16541</c:v>
                </c:pt>
                <c:pt idx="26">
                  <c:v>11458</c:v>
                </c:pt>
                <c:pt idx="27">
                  <c:v>11178</c:v>
                </c:pt>
                <c:pt idx="28">
                  <c:v>5519</c:v>
                </c:pt>
                <c:pt idx="29">
                  <c:v>13506</c:v>
                </c:pt>
                <c:pt idx="30">
                  <c:v>5618</c:v>
                </c:pt>
                <c:pt idx="31">
                  <c:v>6732</c:v>
                </c:pt>
                <c:pt idx="32">
                  <c:v>5982</c:v>
                </c:pt>
                <c:pt idx="33">
                  <c:v>3188</c:v>
                </c:pt>
                <c:pt idx="34">
                  <c:v>2134</c:v>
                </c:pt>
                <c:pt idx="35">
                  <c:v>2713</c:v>
                </c:pt>
                <c:pt idx="36">
                  <c:v>2949</c:v>
                </c:pt>
                <c:pt idx="37">
                  <c:v>12064</c:v>
                </c:pt>
                <c:pt idx="38">
                  <c:v>3874</c:v>
                </c:pt>
                <c:pt idx="39">
                  <c:v>1560</c:v>
                </c:pt>
                <c:pt idx="40">
                  <c:v>1658</c:v>
                </c:pt>
                <c:pt idx="41">
                  <c:v>3260</c:v>
                </c:pt>
                <c:pt idx="42">
                  <c:v>940</c:v>
                </c:pt>
                <c:pt idx="43">
                  <c:v>3162</c:v>
                </c:pt>
                <c:pt idx="44">
                  <c:v>3832</c:v>
                </c:pt>
                <c:pt idx="45">
                  <c:v>1728</c:v>
                </c:pt>
                <c:pt idx="46">
                  <c:v>3684</c:v>
                </c:pt>
                <c:pt idx="47">
                  <c:v>1536</c:v>
                </c:pt>
                <c:pt idx="48">
                  <c:v>8759</c:v>
                </c:pt>
                <c:pt idx="49">
                  <c:v>126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292-4BBD-9B5F-6C76EF7785B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"/>
        <c:axId val="2"/>
      </c:barChart>
      <c:catAx>
        <c:axId val="1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horzOverflow="overflow" vert="wordArtVertRtl" anchor="ctr" anchorCtr="1"/>
          <a:lstStyle/>
          <a:p>
            <a:pPr algn="ctr" rtl="0">
              <a:defRPr sz="1100">
                <a:solidFill>
                  <a:srgbClr val="000000"/>
                </a:solidFill>
              </a:defRPr>
            </a:pPr>
            <a:endParaRPr lang="ja-JP"/>
          </a:p>
        </c:txPr>
        <c:crossAx val="2"/>
        <c:crosses val="autoZero"/>
        <c:auto val="1"/>
        <c:lblAlgn val="ctr"/>
        <c:lblOffset val="100"/>
        <c:tickLblSkip val="1"/>
        <c:noMultiLvlLbl val="0"/>
      </c:catAx>
      <c:valAx>
        <c:axId val="2"/>
        <c:scaling>
          <c:orientation val="minMax"/>
          <c:max val="18000"/>
          <c:min val="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horzOverflow="overflow" anchor="ctr" anchorCtr="1"/>
              <a:lstStyle/>
              <a:p>
                <a:pPr algn="ctr" rtl="0">
                  <a:defRPr sz="1100">
                    <a:solidFill>
                      <a:srgbClr val="000000"/>
                    </a:solidFill>
                  </a:defRPr>
                </a:pPr>
                <a:r>
                  <a:rPr lang="ja-JP" altLang="en-US" sz="1100" b="0" i="0" u="none" strike="noStrike" baseline="0">
                    <a:solidFill>
                      <a:srgbClr val="000000"/>
                    </a:solidFill>
                    <a:latin typeface="BIZ UDゴシック"/>
                    <a:ea typeface="BIZ UDゴシック"/>
                    <a:cs typeface="ＭＳ Ｐゴシック"/>
                  </a:rPr>
                  <a:t>人</a:t>
                </a:r>
              </a:p>
            </c:rich>
          </c:tx>
          <c:layout>
            <c:manualLayout>
              <c:xMode val="edge"/>
              <c:yMode val="edge"/>
              <c:x val="5.9584621760336638E-2"/>
              <c:y val="8.7690692509590148E-2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);[Red]\(#,##0\)" sourceLinked="0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horzOverflow="overflow" anchor="ctr" anchorCtr="1"/>
          <a:lstStyle/>
          <a:p>
            <a:pPr algn="ctr" rtl="0">
              <a:defRPr sz="1100">
                <a:solidFill>
                  <a:srgbClr val="000000"/>
                </a:solidFill>
              </a:defRPr>
            </a:pPr>
            <a:endParaRPr lang="ja-JP"/>
          </a:p>
        </c:txPr>
        <c:crossAx val="1"/>
        <c:crosses val="autoZero"/>
        <c:crossBetween val="between"/>
        <c:majorUnit val="2000"/>
        <c:minorUnit val="2000"/>
      </c:valAx>
      <c:spPr>
        <a:solidFill>
          <a:srgbClr val="CCFFCC"/>
        </a:solidFill>
        <a:ln w="12700">
          <a:solidFill>
            <a:srgbClr val="CCFFCC"/>
          </a:solidFill>
          <a:prstDash val="solid"/>
        </a:ln>
      </c:spPr>
    </c:plotArea>
    <c:legend>
      <c:legendPos val="t"/>
      <c:layout>
        <c:manualLayout>
          <c:xMode val="edge"/>
          <c:yMode val="edge"/>
          <c:x val="0.4606741573033708"/>
          <c:y val="7.3529411764705885E-2"/>
          <c:w val="0.16036772216547501"/>
          <c:h val="3.7581699346405234E-2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 horzOverflow="overflow" anchor="ctr" anchorCtr="1"/>
        <a:lstStyle/>
        <a:p>
          <a:pPr algn="l" rtl="0">
            <a:defRPr sz="1100">
              <a:solidFill>
                <a:srgbClr val="000000"/>
              </a:solidFill>
            </a:defRPr>
          </a:pPr>
          <a:endParaRPr lang="ja-JP"/>
        </a:p>
      </c:txPr>
    </c:legend>
    <c:plotVisOnly val="1"/>
    <c:dispBlanksAs val="gap"/>
    <c:showDLblsOverMax val="0"/>
  </c:chart>
  <c:spPr>
    <a:noFill/>
    <a:ln w="9525">
      <a:noFill/>
    </a:ln>
  </c:spPr>
  <c:txPr>
    <a:bodyPr horzOverflow="overflow" anchor="ctr" anchorCtr="1"/>
    <a:lstStyle/>
    <a:p>
      <a:pPr algn="ctr" rtl="0">
        <a:defRPr lang="ja-JP" altLang="en-US" sz="1100" b="0" i="0" u="none" strike="noStrike" baseline="0">
          <a:solidFill>
            <a:srgbClr val="000000"/>
          </a:solidFill>
          <a:latin typeface="BIZ UDゴシック"/>
          <a:ea typeface="BIZ UDゴシック"/>
          <a:cs typeface="ＭＳ Ｐゴシック"/>
        </a:defRPr>
      </a:pPr>
      <a:endParaRPr lang="ja-JP"/>
    </a:p>
  </c:txPr>
  <c:extLst/>
</c:chartSpace>
</file>

<file path=xl/chart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67A7EB04-FEB3-41A1-8715-2F4154F5BBFC}">
  <sheetPr codeName="Graph97"/>
  <sheetViews>
    <sheetView tabSelected="1" workbookViewId="0"/>
  </sheetViews>
  <pageMargins left="0.7" right="0.7" top="0.75" bottom="0.75" header="0.3" footer="0.3"/>
  <pageSetup paperSize="9" orientation="landscape"/>
  <drawing r:id="rId1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305925" cy="607695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A672E355-BEB6-49DA-8A61-0BF0C6D45311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7/&#9675;hp%20R07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C2" t="str">
            <v>R07人口</v>
          </cell>
          <cell r="E2" t="str">
            <v>R06人口</v>
          </cell>
        </row>
        <row r="3">
          <cell r="A3" t="str">
            <v>総曲輪</v>
          </cell>
          <cell r="C3">
            <v>2266</v>
          </cell>
          <cell r="E3">
            <v>2236</v>
          </cell>
        </row>
        <row r="4">
          <cell r="A4" t="str">
            <v>愛宕</v>
          </cell>
          <cell r="C4">
            <v>4886</v>
          </cell>
          <cell r="E4">
            <v>4716</v>
          </cell>
        </row>
        <row r="5">
          <cell r="A5" t="str">
            <v>安野屋</v>
          </cell>
          <cell r="C5">
            <v>2857</v>
          </cell>
          <cell r="E5">
            <v>2707</v>
          </cell>
        </row>
        <row r="6">
          <cell r="A6" t="str">
            <v>八人町</v>
          </cell>
          <cell r="C6">
            <v>1727</v>
          </cell>
          <cell r="E6">
            <v>1756</v>
          </cell>
        </row>
        <row r="7">
          <cell r="A7" t="str">
            <v>五番町</v>
          </cell>
          <cell r="C7">
            <v>3433</v>
          </cell>
          <cell r="E7">
            <v>3471</v>
          </cell>
        </row>
        <row r="8">
          <cell r="A8" t="str">
            <v>柳町</v>
          </cell>
          <cell r="C8">
            <v>5728</v>
          </cell>
          <cell r="E8">
            <v>5787</v>
          </cell>
        </row>
        <row r="9">
          <cell r="A9" t="str">
            <v>清水町</v>
          </cell>
          <cell r="C9">
            <v>3944</v>
          </cell>
          <cell r="E9">
            <v>3947</v>
          </cell>
        </row>
        <row r="10">
          <cell r="A10" t="str">
            <v>星井町</v>
          </cell>
          <cell r="C10">
            <v>2545</v>
          </cell>
          <cell r="E10">
            <v>2554</v>
          </cell>
        </row>
        <row r="11">
          <cell r="A11" t="str">
            <v>西田地方</v>
          </cell>
          <cell r="C11">
            <v>6343</v>
          </cell>
          <cell r="E11">
            <v>6445</v>
          </cell>
        </row>
        <row r="12">
          <cell r="A12" t="str">
            <v>堀川</v>
          </cell>
          <cell r="C12">
            <v>11730</v>
          </cell>
          <cell r="E12">
            <v>11708</v>
          </cell>
        </row>
        <row r="13">
          <cell r="A13" t="str">
            <v>堀川南</v>
          </cell>
          <cell r="C13">
            <v>15163</v>
          </cell>
          <cell r="E13">
            <v>15225</v>
          </cell>
        </row>
        <row r="14">
          <cell r="A14" t="str">
            <v>東部</v>
          </cell>
          <cell r="C14">
            <v>7774</v>
          </cell>
          <cell r="E14">
            <v>7887</v>
          </cell>
        </row>
        <row r="15">
          <cell r="A15" t="str">
            <v>奥田</v>
          </cell>
          <cell r="C15">
            <v>10311</v>
          </cell>
          <cell r="E15">
            <v>10369</v>
          </cell>
        </row>
        <row r="16">
          <cell r="A16" t="str">
            <v>奥田北</v>
          </cell>
          <cell r="C16">
            <v>7984</v>
          </cell>
          <cell r="E16">
            <v>8015</v>
          </cell>
        </row>
        <row r="17">
          <cell r="A17" t="str">
            <v>桜谷</v>
          </cell>
          <cell r="C17">
            <v>5551</v>
          </cell>
          <cell r="E17">
            <v>5643</v>
          </cell>
        </row>
        <row r="18">
          <cell r="A18" t="str">
            <v>五福</v>
          </cell>
          <cell r="C18">
            <v>10135</v>
          </cell>
          <cell r="E18">
            <v>10127</v>
          </cell>
        </row>
        <row r="19">
          <cell r="A19" t="str">
            <v>神明</v>
          </cell>
          <cell r="C19">
            <v>3953</v>
          </cell>
          <cell r="E19">
            <v>4014</v>
          </cell>
        </row>
        <row r="20">
          <cell r="A20" t="str">
            <v>岩瀬</v>
          </cell>
          <cell r="C20">
            <v>2950</v>
          </cell>
          <cell r="E20">
            <v>3032</v>
          </cell>
        </row>
        <row r="21">
          <cell r="A21" t="str">
            <v>萩浦</v>
          </cell>
          <cell r="C21">
            <v>5682</v>
          </cell>
          <cell r="E21">
            <v>5745</v>
          </cell>
        </row>
        <row r="22">
          <cell r="A22" t="str">
            <v>大広田</v>
          </cell>
          <cell r="C22">
            <v>7432</v>
          </cell>
          <cell r="E22">
            <v>7494</v>
          </cell>
        </row>
        <row r="23">
          <cell r="A23" t="str">
            <v>浜黒崎</v>
          </cell>
          <cell r="C23">
            <v>2301</v>
          </cell>
          <cell r="E23">
            <v>2336</v>
          </cell>
        </row>
        <row r="24">
          <cell r="A24" t="str">
            <v>針原</v>
          </cell>
          <cell r="C24">
            <v>3898</v>
          </cell>
          <cell r="E24">
            <v>3937</v>
          </cell>
        </row>
        <row r="25">
          <cell r="A25" t="str">
            <v>豊田</v>
          </cell>
          <cell r="C25">
            <v>15183</v>
          </cell>
          <cell r="E25">
            <v>15264</v>
          </cell>
        </row>
        <row r="26">
          <cell r="A26" t="str">
            <v>広田</v>
          </cell>
          <cell r="C26">
            <v>9858</v>
          </cell>
          <cell r="E26">
            <v>9730</v>
          </cell>
        </row>
        <row r="27">
          <cell r="A27" t="str">
            <v>新庄</v>
          </cell>
          <cell r="C27">
            <v>12639</v>
          </cell>
          <cell r="E27">
            <v>12587</v>
          </cell>
        </row>
        <row r="28">
          <cell r="A28" t="str">
            <v>藤ノ木</v>
          </cell>
          <cell r="C28">
            <v>16541</v>
          </cell>
          <cell r="E28">
            <v>16512</v>
          </cell>
        </row>
        <row r="29">
          <cell r="A29" t="str">
            <v>山室</v>
          </cell>
          <cell r="C29">
            <v>11458</v>
          </cell>
          <cell r="E29">
            <v>11466</v>
          </cell>
        </row>
        <row r="30">
          <cell r="A30" t="str">
            <v>山室中部</v>
          </cell>
          <cell r="C30">
            <v>11178</v>
          </cell>
          <cell r="E30">
            <v>11275</v>
          </cell>
        </row>
        <row r="31">
          <cell r="A31" t="str">
            <v>太田</v>
          </cell>
          <cell r="C31">
            <v>5519</v>
          </cell>
          <cell r="E31">
            <v>5562</v>
          </cell>
        </row>
        <row r="32">
          <cell r="A32" t="str">
            <v>蜷川</v>
          </cell>
          <cell r="C32">
            <v>13506</v>
          </cell>
          <cell r="E32">
            <v>13478</v>
          </cell>
        </row>
        <row r="33">
          <cell r="A33" t="str">
            <v>新保</v>
          </cell>
          <cell r="C33">
            <v>5618</v>
          </cell>
          <cell r="E33">
            <v>5574</v>
          </cell>
        </row>
        <row r="34">
          <cell r="A34" t="str">
            <v>熊野</v>
          </cell>
          <cell r="C34">
            <v>6732</v>
          </cell>
          <cell r="E34">
            <v>6848</v>
          </cell>
        </row>
        <row r="35">
          <cell r="A35" t="str">
            <v>月岡</v>
          </cell>
          <cell r="C35">
            <v>5982</v>
          </cell>
          <cell r="E35">
            <v>6050</v>
          </cell>
        </row>
        <row r="36">
          <cell r="A36" t="str">
            <v>四方</v>
          </cell>
          <cell r="C36">
            <v>3188</v>
          </cell>
          <cell r="E36">
            <v>3218</v>
          </cell>
        </row>
        <row r="37">
          <cell r="A37" t="str">
            <v>八幡</v>
          </cell>
          <cell r="C37">
            <v>2134</v>
          </cell>
          <cell r="E37">
            <v>2207</v>
          </cell>
        </row>
        <row r="38">
          <cell r="A38" t="str">
            <v>草島</v>
          </cell>
          <cell r="C38">
            <v>2713</v>
          </cell>
          <cell r="E38">
            <v>2764</v>
          </cell>
        </row>
        <row r="39">
          <cell r="A39" t="str">
            <v>倉垣</v>
          </cell>
          <cell r="C39">
            <v>2949</v>
          </cell>
          <cell r="E39">
            <v>2958</v>
          </cell>
        </row>
        <row r="40">
          <cell r="A40" t="str">
            <v>呉羽</v>
          </cell>
          <cell r="C40">
            <v>12064</v>
          </cell>
          <cell r="E40">
            <v>12159</v>
          </cell>
        </row>
        <row r="41">
          <cell r="A41" t="str">
            <v>長岡</v>
          </cell>
          <cell r="C41">
            <v>3874</v>
          </cell>
          <cell r="E41">
            <v>3962</v>
          </cell>
        </row>
        <row r="42">
          <cell r="A42" t="str">
            <v>寒江</v>
          </cell>
          <cell r="C42">
            <v>1560</v>
          </cell>
          <cell r="E42">
            <v>1601</v>
          </cell>
        </row>
        <row r="43">
          <cell r="A43" t="str">
            <v>古沢</v>
          </cell>
          <cell r="C43">
            <v>1658</v>
          </cell>
          <cell r="E43">
            <v>1683</v>
          </cell>
        </row>
        <row r="44">
          <cell r="A44" t="str">
            <v>老田</v>
          </cell>
          <cell r="C44">
            <v>3260</v>
          </cell>
          <cell r="E44">
            <v>3262</v>
          </cell>
        </row>
        <row r="45">
          <cell r="A45" t="str">
            <v>池多</v>
          </cell>
          <cell r="C45">
            <v>940</v>
          </cell>
          <cell r="E45">
            <v>964</v>
          </cell>
        </row>
        <row r="46">
          <cell r="A46" t="str">
            <v>水橋中部</v>
          </cell>
          <cell r="C46">
            <v>3162</v>
          </cell>
          <cell r="E46">
            <v>3203</v>
          </cell>
        </row>
        <row r="47">
          <cell r="A47" t="str">
            <v>水橋西部</v>
          </cell>
          <cell r="C47">
            <v>3832</v>
          </cell>
          <cell r="E47">
            <v>3828</v>
          </cell>
        </row>
        <row r="48">
          <cell r="A48" t="str">
            <v>水橋東部</v>
          </cell>
          <cell r="C48">
            <v>1728</v>
          </cell>
          <cell r="E48">
            <v>1760</v>
          </cell>
        </row>
        <row r="49">
          <cell r="A49" t="str">
            <v>三郷</v>
          </cell>
          <cell r="C49">
            <v>3684</v>
          </cell>
          <cell r="E49">
            <v>3727</v>
          </cell>
        </row>
        <row r="50">
          <cell r="A50" t="str">
            <v>上条</v>
          </cell>
          <cell r="C50">
            <v>1536</v>
          </cell>
          <cell r="E50">
            <v>1586</v>
          </cell>
        </row>
        <row r="51">
          <cell r="A51" t="str">
            <v>光陽</v>
          </cell>
          <cell r="C51">
            <v>8759</v>
          </cell>
          <cell r="E51">
            <v>8771</v>
          </cell>
        </row>
        <row r="52">
          <cell r="A52" t="str">
            <v>新庄北</v>
          </cell>
          <cell r="C52">
            <v>12627</v>
          </cell>
          <cell r="E52">
            <v>12635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１）富山地域人口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3-05T01:24:26Z</dcterms:created>
  <dcterms:modified xsi:type="dcterms:W3CDTF">2026-03-05T01:24:49Z</dcterms:modified>
</cp:coreProperties>
</file>